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117073\Desktop\浅井\"/>
    </mc:Choice>
  </mc:AlternateContent>
  <bookViews>
    <workbookView xWindow="0" yWindow="0" windowWidth="28800" windowHeight="14595"/>
  </bookViews>
  <sheets>
    <sheet name="50ﾄｲﾚ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" uniqueCount="54">
  <si>
    <t>運転席</t>
    <rPh sb="0" eb="2">
      <t>ウンテン</t>
    </rPh>
    <rPh sb="2" eb="3">
      <t>セキ</t>
    </rPh>
    <phoneticPr fontId="1"/>
  </si>
  <si>
    <t>１－E</t>
    <phoneticPr fontId="1"/>
  </si>
  <si>
    <t>１－D</t>
    <phoneticPr fontId="1"/>
  </si>
  <si>
    <t>１－C(補助)</t>
    <rPh sb="4" eb="6">
      <t>ホジョ</t>
    </rPh>
    <phoneticPr fontId="1"/>
  </si>
  <si>
    <t>１－B</t>
    <phoneticPr fontId="1"/>
  </si>
  <si>
    <t>１－A</t>
    <phoneticPr fontId="1"/>
  </si>
  <si>
    <t>２－E</t>
    <phoneticPr fontId="1"/>
  </si>
  <si>
    <t>２－D</t>
    <phoneticPr fontId="1"/>
  </si>
  <si>
    <t>２－C(補助)</t>
    <rPh sb="4" eb="6">
      <t>ホジョ</t>
    </rPh>
    <phoneticPr fontId="1"/>
  </si>
  <si>
    <t>２－B</t>
    <phoneticPr fontId="1"/>
  </si>
  <si>
    <t>２－A</t>
    <phoneticPr fontId="1"/>
  </si>
  <si>
    <t>３－E</t>
  </si>
  <si>
    <t>３－D</t>
  </si>
  <si>
    <t>３－C(補助)</t>
    <rPh sb="4" eb="6">
      <t>ホジョ</t>
    </rPh>
    <phoneticPr fontId="1"/>
  </si>
  <si>
    <t>３－B</t>
  </si>
  <si>
    <t>３－A</t>
  </si>
  <si>
    <t>４－E</t>
  </si>
  <si>
    <t>４－D</t>
  </si>
  <si>
    <t>４－C(補助)</t>
    <rPh sb="4" eb="6">
      <t>ホジョ</t>
    </rPh>
    <phoneticPr fontId="1"/>
  </si>
  <si>
    <t>４－B</t>
  </si>
  <si>
    <t>４－A</t>
  </si>
  <si>
    <t>５－E</t>
  </si>
  <si>
    <t>５－D</t>
  </si>
  <si>
    <t>５－C(補助)</t>
    <rPh sb="4" eb="6">
      <t>ホジョ</t>
    </rPh>
    <phoneticPr fontId="1"/>
  </si>
  <si>
    <t>５－B</t>
  </si>
  <si>
    <t>５－A</t>
  </si>
  <si>
    <t>６－E</t>
  </si>
  <si>
    <t>６－D</t>
  </si>
  <si>
    <t>６－C(補助)</t>
    <rPh sb="4" eb="6">
      <t>ホジョ</t>
    </rPh>
    <phoneticPr fontId="1"/>
  </si>
  <si>
    <t>６－B</t>
  </si>
  <si>
    <t>６－A</t>
  </si>
  <si>
    <t>７－E</t>
  </si>
  <si>
    <t>７－D</t>
  </si>
  <si>
    <t>７－C(補助)</t>
    <rPh sb="4" eb="6">
      <t>ホジョ</t>
    </rPh>
    <phoneticPr fontId="1"/>
  </si>
  <si>
    <t>７－B</t>
  </si>
  <si>
    <t>７－A</t>
  </si>
  <si>
    <t>８－E</t>
  </si>
  <si>
    <t>８－D</t>
  </si>
  <si>
    <t>８－C(補助)</t>
    <rPh sb="4" eb="6">
      <t>ホジョ</t>
    </rPh>
    <phoneticPr fontId="1"/>
  </si>
  <si>
    <t>８－B</t>
  </si>
  <si>
    <t>８－A</t>
  </si>
  <si>
    <t>９－E</t>
  </si>
  <si>
    <t>９－D</t>
  </si>
  <si>
    <t>９－B</t>
  </si>
  <si>
    <t>９－A</t>
  </si>
  <si>
    <t>１０－E</t>
  </si>
  <si>
    <t>１０－D</t>
  </si>
  <si>
    <t>１０－B</t>
  </si>
  <si>
    <t>１０－A</t>
  </si>
  <si>
    <t>トイレ</t>
    <phoneticPr fontId="1"/>
  </si>
  <si>
    <t>化粧台</t>
    <rPh sb="0" eb="3">
      <t>ケショウダイ</t>
    </rPh>
    <phoneticPr fontId="1"/>
  </si>
  <si>
    <t>１０－C(補助)</t>
    <rPh sb="5" eb="7">
      <t>ホジョ</t>
    </rPh>
    <phoneticPr fontId="1"/>
  </si>
  <si>
    <t>９－C(補助)</t>
    <rPh sb="4" eb="6">
      <t>ホジョ</t>
    </rPh>
    <phoneticPr fontId="1"/>
  </si>
  <si>
    <t>奈良交通観光バス座席表　（５０人乗ディア）</t>
    <rPh sb="0" eb="2">
      <t>ナラ</t>
    </rPh>
    <rPh sb="2" eb="4">
      <t>コウツウ</t>
    </rPh>
    <rPh sb="4" eb="6">
      <t>カンコウ</t>
    </rPh>
    <rPh sb="8" eb="10">
      <t>ザセキ</t>
    </rPh>
    <rPh sb="10" eb="11">
      <t>ヒョウ</t>
    </rPh>
    <rPh sb="15" eb="16">
      <t>ニン</t>
    </rPh>
    <rPh sb="16" eb="17">
      <t>ノ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8"/>
      <color theme="1"/>
      <name val="HGSｺﾞｼｯｸE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0" fillId="0" borderId="4" xfId="0" applyBorder="1" applyAlignment="1">
      <alignment horizontal="left" vertical="top"/>
    </xf>
    <xf numFmtId="0" fontId="0" fillId="0" borderId="5" xfId="0" applyBorder="1" applyAlignment="1">
      <alignment horizontal="left" vertical="top"/>
    </xf>
    <xf numFmtId="0" fontId="0" fillId="0" borderId="6" xfId="0" applyBorder="1" applyAlignment="1">
      <alignment horizontal="left" vertical="top"/>
    </xf>
    <xf numFmtId="0" fontId="0" fillId="0" borderId="7" xfId="0" applyBorder="1" applyAlignment="1">
      <alignment horizontal="left" vertical="top"/>
    </xf>
    <xf numFmtId="0" fontId="0" fillId="0" borderId="8" xfId="0" applyBorder="1" applyAlignment="1">
      <alignment horizontal="left" vertical="top"/>
    </xf>
    <xf numFmtId="0" fontId="0" fillId="0" borderId="9" xfId="0" applyBorder="1" applyAlignment="1">
      <alignment horizontal="left" vertical="top"/>
    </xf>
    <xf numFmtId="0" fontId="0" fillId="0" borderId="10" xfId="0" applyBorder="1" applyAlignment="1">
      <alignment horizontal="left" vertical="top"/>
    </xf>
    <xf numFmtId="0" fontId="0" fillId="0" borderId="11" xfId="0" applyBorder="1" applyAlignment="1">
      <alignment horizontal="left" vertical="top"/>
    </xf>
    <xf numFmtId="0" fontId="0" fillId="0" borderId="12" xfId="0" applyBorder="1" applyAlignment="1">
      <alignment horizontal="left" vertical="top"/>
    </xf>
    <xf numFmtId="0" fontId="0" fillId="0" borderId="13" xfId="0" applyBorder="1" applyAlignment="1">
      <alignment horizontal="left" vertical="top"/>
    </xf>
    <xf numFmtId="0" fontId="0" fillId="0" borderId="14" xfId="0" applyBorder="1" applyAlignment="1">
      <alignment horizontal="left" vertical="top"/>
    </xf>
    <xf numFmtId="0" fontId="0" fillId="0" borderId="15" xfId="0" applyBorder="1" applyAlignment="1">
      <alignment horizontal="left" vertical="top"/>
    </xf>
    <xf numFmtId="0" fontId="0" fillId="0" borderId="16" xfId="0" applyBorder="1" applyAlignment="1">
      <alignment horizontal="left" vertical="top"/>
    </xf>
    <xf numFmtId="0" fontId="0" fillId="0" borderId="17" xfId="0" applyBorder="1" applyAlignment="1">
      <alignment horizontal="left" vertical="top"/>
    </xf>
    <xf numFmtId="0" fontId="2" fillId="0" borderId="0" xfId="0" applyFont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4" xfId="0" applyBorder="1" applyAlignment="1">
      <alignment horizontal="center" vertical="top"/>
    </xf>
    <xf numFmtId="0" fontId="0" fillId="0" borderId="20" xfId="0" applyBorder="1" applyAlignment="1">
      <alignment horizontal="center" vertical="top"/>
    </xf>
    <xf numFmtId="0" fontId="0" fillId="0" borderId="22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4"/>
  <sheetViews>
    <sheetView tabSelected="1" workbookViewId="0">
      <selection activeCell="I5" sqref="I5"/>
    </sheetView>
  </sheetViews>
  <sheetFormatPr defaultRowHeight="57.75" customHeight="1" x14ac:dyDescent="0.15"/>
  <cols>
    <col min="1" max="5" width="17.875" customWidth="1"/>
  </cols>
  <sheetData>
    <row r="1" spans="1:5" ht="57.75" customHeight="1" thickBot="1" x14ac:dyDescent="0.2">
      <c r="A1" s="15" t="s">
        <v>53</v>
      </c>
      <c r="B1" s="15"/>
      <c r="C1" s="15"/>
      <c r="D1" s="15"/>
      <c r="E1" s="15"/>
    </row>
    <row r="2" spans="1:5" ht="57.75" customHeight="1" x14ac:dyDescent="0.15">
      <c r="A2" s="16" t="s">
        <v>50</v>
      </c>
      <c r="B2" s="17"/>
      <c r="C2" s="20"/>
      <c r="D2" s="17" t="s">
        <v>49</v>
      </c>
      <c r="E2" s="22"/>
    </row>
    <row r="3" spans="1:5" ht="57.75" customHeight="1" thickBot="1" x14ac:dyDescent="0.2">
      <c r="A3" s="18"/>
      <c r="B3" s="19"/>
      <c r="C3" s="21"/>
      <c r="D3" s="19"/>
      <c r="E3" s="23"/>
    </row>
    <row r="4" spans="1:5" ht="57.75" customHeight="1" x14ac:dyDescent="0.15">
      <c r="A4" s="14" t="s">
        <v>48</v>
      </c>
      <c r="B4" s="13" t="s">
        <v>47</v>
      </c>
      <c r="C4" s="8" t="s">
        <v>51</v>
      </c>
      <c r="D4" s="12" t="s">
        <v>46</v>
      </c>
      <c r="E4" s="11" t="s">
        <v>45</v>
      </c>
    </row>
    <row r="5" spans="1:5" ht="57.75" customHeight="1" x14ac:dyDescent="0.15">
      <c r="A5" s="10" t="s">
        <v>44</v>
      </c>
      <c r="B5" s="9" t="s">
        <v>43</v>
      </c>
      <c r="C5" s="8" t="s">
        <v>52</v>
      </c>
      <c r="D5" s="7" t="s">
        <v>42</v>
      </c>
      <c r="E5" s="6" t="s">
        <v>41</v>
      </c>
    </row>
    <row r="6" spans="1:5" ht="57.75" customHeight="1" x14ac:dyDescent="0.15">
      <c r="A6" s="10" t="s">
        <v>40</v>
      </c>
      <c r="B6" s="9" t="s">
        <v>39</v>
      </c>
      <c r="C6" s="8" t="s">
        <v>38</v>
      </c>
      <c r="D6" s="7" t="s">
        <v>37</v>
      </c>
      <c r="E6" s="6" t="s">
        <v>36</v>
      </c>
    </row>
    <row r="7" spans="1:5" ht="57.75" customHeight="1" x14ac:dyDescent="0.15">
      <c r="A7" s="10" t="s">
        <v>35</v>
      </c>
      <c r="B7" s="9" t="s">
        <v>34</v>
      </c>
      <c r="C7" s="8" t="s">
        <v>33</v>
      </c>
      <c r="D7" s="7" t="s">
        <v>32</v>
      </c>
      <c r="E7" s="6" t="s">
        <v>31</v>
      </c>
    </row>
    <row r="8" spans="1:5" ht="57.75" customHeight="1" x14ac:dyDescent="0.15">
      <c r="A8" s="10" t="s">
        <v>30</v>
      </c>
      <c r="B8" s="9" t="s">
        <v>29</v>
      </c>
      <c r="C8" s="8" t="s">
        <v>28</v>
      </c>
      <c r="D8" s="7" t="s">
        <v>27</v>
      </c>
      <c r="E8" s="6" t="s">
        <v>26</v>
      </c>
    </row>
    <row r="9" spans="1:5" ht="57.75" customHeight="1" x14ac:dyDescent="0.15">
      <c r="A9" s="10" t="s">
        <v>25</v>
      </c>
      <c r="B9" s="9" t="s">
        <v>24</v>
      </c>
      <c r="C9" s="8" t="s">
        <v>23</v>
      </c>
      <c r="D9" s="7" t="s">
        <v>22</v>
      </c>
      <c r="E9" s="6" t="s">
        <v>21</v>
      </c>
    </row>
    <row r="10" spans="1:5" ht="57.75" customHeight="1" x14ac:dyDescent="0.15">
      <c r="A10" s="10" t="s">
        <v>20</v>
      </c>
      <c r="B10" s="9" t="s">
        <v>19</v>
      </c>
      <c r="C10" s="8" t="s">
        <v>18</v>
      </c>
      <c r="D10" s="7" t="s">
        <v>17</v>
      </c>
      <c r="E10" s="6" t="s">
        <v>16</v>
      </c>
    </row>
    <row r="11" spans="1:5" ht="57.75" customHeight="1" x14ac:dyDescent="0.15">
      <c r="A11" s="10" t="s">
        <v>15</v>
      </c>
      <c r="B11" s="9" t="s">
        <v>14</v>
      </c>
      <c r="C11" s="8" t="s">
        <v>13</v>
      </c>
      <c r="D11" s="7" t="s">
        <v>12</v>
      </c>
      <c r="E11" s="6" t="s">
        <v>11</v>
      </c>
    </row>
    <row r="12" spans="1:5" ht="57.75" customHeight="1" x14ac:dyDescent="0.15">
      <c r="A12" s="10" t="s">
        <v>10</v>
      </c>
      <c r="B12" s="9" t="s">
        <v>9</v>
      </c>
      <c r="C12" s="8" t="s">
        <v>8</v>
      </c>
      <c r="D12" s="7" t="s">
        <v>7</v>
      </c>
      <c r="E12" s="6" t="s">
        <v>6</v>
      </c>
    </row>
    <row r="13" spans="1:5" ht="57.75" customHeight="1" thickBot="1" x14ac:dyDescent="0.2">
      <c r="A13" s="5" t="s">
        <v>5</v>
      </c>
      <c r="B13" s="4" t="s">
        <v>4</v>
      </c>
      <c r="C13" s="3" t="s">
        <v>3</v>
      </c>
      <c r="D13" s="2" t="s">
        <v>2</v>
      </c>
      <c r="E13" s="1" t="s">
        <v>1</v>
      </c>
    </row>
    <row r="14" spans="1:5" ht="57.75" customHeight="1" thickBot="1" x14ac:dyDescent="0.2">
      <c r="A14" s="24" t="s">
        <v>0</v>
      </c>
      <c r="B14" s="25"/>
      <c r="C14" s="26"/>
      <c r="D14" s="26"/>
      <c r="E14" s="25"/>
    </row>
  </sheetData>
  <mergeCells count="6">
    <mergeCell ref="A1:E1"/>
    <mergeCell ref="A2:B3"/>
    <mergeCell ref="C2:C3"/>
    <mergeCell ref="D2:E3"/>
    <mergeCell ref="A14:B14"/>
    <mergeCell ref="C14:E14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50ﾄｲﾚ</vt:lpstr>
    </vt:vector>
  </TitlesOfParts>
  <Company>Microsoft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守西 尚世</dc:creator>
  <cp:lastModifiedBy>浅井 達哉</cp:lastModifiedBy>
  <cp:lastPrinted>2019-08-06T06:59:20Z</cp:lastPrinted>
  <dcterms:created xsi:type="dcterms:W3CDTF">2016-12-20T00:11:51Z</dcterms:created>
  <dcterms:modified xsi:type="dcterms:W3CDTF">2019-08-06T07:47:45Z</dcterms:modified>
</cp:coreProperties>
</file>